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85146A6" w14:textId="666CB9C0" w:rsidR="00E234D9" w:rsidRDefault="00DE77BD">
      <w:r>
        <w:t>MINUTES OF SGF COMMITTEE MEETING 14 MAY 2025</w:t>
      </w:r>
    </w:p>
    <w:p w14:paraId="741EF9E7" w14:textId="77508F9B" w:rsidR="00DE77BD" w:rsidRDefault="00DE77BD">
      <w:r>
        <w:t>In attendance                                             Apology Nigel Duffin</w:t>
      </w:r>
    </w:p>
    <w:p w14:paraId="17F995B1" w14:textId="2B214973" w:rsidR="00DE77BD" w:rsidRDefault="00DE77BD" w:rsidP="00DE77BD">
      <w:pPr>
        <w:pStyle w:val="ListParagraph"/>
        <w:numPr>
          <w:ilvl w:val="0"/>
          <w:numId w:val="1"/>
        </w:numPr>
      </w:pPr>
      <w:r>
        <w:t>Sandy Gavshon</w:t>
      </w:r>
    </w:p>
    <w:p w14:paraId="570A6EBC" w14:textId="029945C2" w:rsidR="00DE77BD" w:rsidRDefault="00DE77BD" w:rsidP="00DE77BD">
      <w:pPr>
        <w:pStyle w:val="ListParagraph"/>
        <w:numPr>
          <w:ilvl w:val="0"/>
          <w:numId w:val="1"/>
        </w:numPr>
      </w:pPr>
      <w:r>
        <w:t>Helen Dawson</w:t>
      </w:r>
    </w:p>
    <w:p w14:paraId="4F7C7587" w14:textId="64581E83" w:rsidR="00DE77BD" w:rsidRDefault="00DE77BD" w:rsidP="00DE77BD">
      <w:pPr>
        <w:pStyle w:val="ListParagraph"/>
        <w:numPr>
          <w:ilvl w:val="0"/>
          <w:numId w:val="1"/>
        </w:numPr>
      </w:pPr>
      <w:r>
        <w:t>Daisy Jones</w:t>
      </w:r>
    </w:p>
    <w:p w14:paraId="23977703" w14:textId="7127E32B" w:rsidR="00DE77BD" w:rsidRDefault="00DE77BD" w:rsidP="00DE77BD">
      <w:pPr>
        <w:pStyle w:val="ListParagraph"/>
        <w:numPr>
          <w:ilvl w:val="0"/>
          <w:numId w:val="1"/>
        </w:numPr>
      </w:pPr>
      <w:r>
        <w:t>Jenny Robson</w:t>
      </w:r>
    </w:p>
    <w:p w14:paraId="2242DF76" w14:textId="16781FD0" w:rsidR="00DE77BD" w:rsidRDefault="00DE77BD" w:rsidP="00DE77BD">
      <w:pPr>
        <w:pStyle w:val="ListParagraph"/>
        <w:numPr>
          <w:ilvl w:val="0"/>
          <w:numId w:val="1"/>
        </w:numPr>
      </w:pPr>
      <w:r>
        <w:t>Sarah Richardson</w:t>
      </w:r>
    </w:p>
    <w:p w14:paraId="19691CF2" w14:textId="4044419C" w:rsidR="00DE77BD" w:rsidRDefault="00DE77BD" w:rsidP="00DE77BD">
      <w:pPr>
        <w:pStyle w:val="ListParagraph"/>
        <w:numPr>
          <w:ilvl w:val="0"/>
          <w:numId w:val="1"/>
        </w:numPr>
      </w:pPr>
      <w:r>
        <w:t>Scott Milligan</w:t>
      </w:r>
    </w:p>
    <w:p w14:paraId="1595C48F" w14:textId="338E0A0A" w:rsidR="00DE77BD" w:rsidRDefault="00DE77BD" w:rsidP="00DE77BD">
      <w:pPr>
        <w:pStyle w:val="ListParagraph"/>
        <w:numPr>
          <w:ilvl w:val="0"/>
          <w:numId w:val="1"/>
        </w:numPr>
      </w:pPr>
      <w:r>
        <w:t>Jayne Britten</w:t>
      </w:r>
    </w:p>
    <w:p w14:paraId="2EECE108" w14:textId="2A9C2988" w:rsidR="00DE77BD" w:rsidRDefault="00DE77BD" w:rsidP="00DE77BD">
      <w:pPr>
        <w:pStyle w:val="ListParagraph"/>
        <w:numPr>
          <w:ilvl w:val="0"/>
          <w:numId w:val="1"/>
        </w:numPr>
      </w:pPr>
      <w:r>
        <w:t>Val Boyle</w:t>
      </w:r>
    </w:p>
    <w:p w14:paraId="49E03D87" w14:textId="77777777" w:rsidR="00DE77BD" w:rsidRDefault="00DE77BD" w:rsidP="00DE77BD">
      <w:r>
        <w:t>Sandy explained the reason for the meeting was to discuss the committee going forward. The legal position requires that the Chair, Secretary and Treasurer and voted in at the AGM however we can agree changes in the interim. The Secretary will need to send out an email to all members inviting expressions of interest before the AGM.</w:t>
      </w:r>
    </w:p>
    <w:p w14:paraId="43F21FB9" w14:textId="4FB3AC80" w:rsidR="00DE77BD" w:rsidRDefault="00DE77BD" w:rsidP="00DE77BD">
      <w:r>
        <w:t xml:space="preserve">Jayne B has agreed to remain Treasurer for which we are all extremely grateful. Nigel has </w:t>
      </w:r>
      <w:r w:rsidR="0042408E">
        <w:t>agreed</w:t>
      </w:r>
      <w:r>
        <w:t xml:space="preserve"> to remain on the committee as has Jenny R</w:t>
      </w:r>
      <w:r w:rsidR="0042408E">
        <w:t xml:space="preserve"> and Val</w:t>
      </w:r>
      <w:r>
        <w:t>.   Daisy has agreed to take the role of Chair and Sarah has agreed to take the role of Sec</w:t>
      </w:r>
      <w:r w:rsidR="0042408E">
        <w:t>retary. These last two positions will need to be voted on at the AGM.</w:t>
      </w:r>
    </w:p>
    <w:p w14:paraId="1AA0D3CF" w14:textId="3E81B3B3" w:rsidR="0042408E" w:rsidRDefault="0042408E" w:rsidP="00DE77BD">
      <w:r>
        <w:t>Scott M and Helen D have both decided to step down from the committee. They are both still remaining fully involved in SGF. The committee thanked them both for all the</w:t>
      </w:r>
      <w:r w:rsidR="00A61492">
        <w:t>ir</w:t>
      </w:r>
      <w:r>
        <w:t xml:space="preserve"> hard work over the years.</w:t>
      </w:r>
    </w:p>
    <w:p w14:paraId="435A0208" w14:textId="1501C6F8" w:rsidR="0042408E" w:rsidRDefault="0042408E" w:rsidP="00DE77BD">
      <w:r>
        <w:t>It was expressed by all that going forward we could ask members to assist with specific tasks particularly when doing a show. Needed to ensure the work was shared out and not just left to the committee.</w:t>
      </w:r>
    </w:p>
    <w:p w14:paraId="003AD131" w14:textId="7FAB4706" w:rsidR="0042408E" w:rsidRDefault="0042408E" w:rsidP="00A61492">
      <w:pPr>
        <w:spacing w:after="0"/>
      </w:pPr>
      <w:r>
        <w:t>New Committee</w:t>
      </w:r>
    </w:p>
    <w:p w14:paraId="3E28D3E4" w14:textId="77777777" w:rsidR="00A61492" w:rsidRDefault="0042408E" w:rsidP="00A61492">
      <w:pPr>
        <w:spacing w:after="0"/>
      </w:pPr>
      <w:r>
        <w:t>Daisy Chair</w:t>
      </w:r>
    </w:p>
    <w:p w14:paraId="0E38B6E4" w14:textId="27E959DA" w:rsidR="0042408E" w:rsidRDefault="0042408E" w:rsidP="00A61492">
      <w:pPr>
        <w:spacing w:after="0"/>
      </w:pPr>
      <w:r>
        <w:t>Sarah Sec</w:t>
      </w:r>
    </w:p>
    <w:p w14:paraId="1A83D4FD" w14:textId="0FECFB75" w:rsidR="0042408E" w:rsidRDefault="0042408E" w:rsidP="00A61492">
      <w:pPr>
        <w:spacing w:after="0"/>
      </w:pPr>
      <w:r>
        <w:t>Jayne  Treasurer</w:t>
      </w:r>
    </w:p>
    <w:p w14:paraId="11776DE8" w14:textId="7913F722" w:rsidR="0042408E" w:rsidRDefault="0042408E" w:rsidP="00A61492">
      <w:pPr>
        <w:spacing w:after="0"/>
      </w:pPr>
      <w:r>
        <w:t>Val Membership</w:t>
      </w:r>
    </w:p>
    <w:p w14:paraId="0DFCCB8A" w14:textId="67A61B36" w:rsidR="0042408E" w:rsidRDefault="0042408E" w:rsidP="00A61492">
      <w:pPr>
        <w:spacing w:after="0"/>
      </w:pPr>
      <w:r>
        <w:t>Nigel Tech and bookings</w:t>
      </w:r>
    </w:p>
    <w:p w14:paraId="6A6ECB78" w14:textId="0227EF63" w:rsidR="0042408E" w:rsidRDefault="0042408E" w:rsidP="00A61492">
      <w:pPr>
        <w:spacing w:after="0"/>
      </w:pPr>
      <w:r>
        <w:t>Jenny Costumes and Hall bookings</w:t>
      </w:r>
    </w:p>
    <w:p w14:paraId="4CD7C57A" w14:textId="0CBFC359" w:rsidR="00CB069D" w:rsidRDefault="0042408E" w:rsidP="00DE77BD">
      <w:r>
        <w:t>It was noted by the committee we were not sure on Tony T position as he wasn’t at the meeting and we had not spoken to him</w:t>
      </w:r>
    </w:p>
    <w:p w14:paraId="33B5E1A2" w14:textId="04BD3530" w:rsidR="00CB069D" w:rsidRDefault="00CB069D" w:rsidP="00DE77BD">
      <w:r>
        <w:t>Daisy is going to contact each committee member prior to the next meeting to talk about ideas, concerns. We will then prepare the agenda for next meeting.</w:t>
      </w:r>
    </w:p>
    <w:p w14:paraId="5AB85451" w14:textId="6C211962" w:rsidR="0042408E" w:rsidRDefault="0042408E" w:rsidP="00DE77BD">
      <w:r>
        <w:t>Sarah is going to create a new membership list and separately a list of all friends of SGF.</w:t>
      </w:r>
    </w:p>
    <w:p w14:paraId="2FE1BD4F" w14:textId="552D04C5" w:rsidR="0042408E" w:rsidRDefault="0042408E" w:rsidP="00DE77BD">
      <w:r>
        <w:t>Sarah will also approach Tessa about assisting with publicity and social media as we currently don’t have anyone for this rol</w:t>
      </w:r>
      <w:r w:rsidR="00A61492">
        <w:t>e</w:t>
      </w:r>
      <w:r>
        <w:t>.</w:t>
      </w:r>
    </w:p>
    <w:p w14:paraId="1640E1BC" w14:textId="053A2FA9" w:rsidR="00A61492" w:rsidRDefault="00A61492" w:rsidP="00DE77BD">
      <w:r>
        <w:lastRenderedPageBreak/>
        <w:t>October show seemed all under control by Nigel but we would have a report at the next meeting.</w:t>
      </w:r>
    </w:p>
    <w:p w14:paraId="24432BDB" w14:textId="7C0C3C5B" w:rsidR="00A61492" w:rsidRDefault="00A61492" w:rsidP="00DE77BD">
      <w:r>
        <w:t>The committee thanked Sandy G for all her hard work and wished her well with her op. Sandy kindly offered to answer any questions going forward.</w:t>
      </w:r>
    </w:p>
    <w:p w14:paraId="7C747A92" w14:textId="265C7E5D" w:rsidR="00A61492" w:rsidRDefault="00A61492" w:rsidP="00DE77BD">
      <w:r>
        <w:t>Next meeting at Daisy house on the 1</w:t>
      </w:r>
      <w:r w:rsidR="00751249">
        <w:t>8</w:t>
      </w:r>
      <w:r>
        <w:t xml:space="preserve"> June 2025.Time to be confirmed.</w:t>
      </w:r>
    </w:p>
    <w:p w14:paraId="5117656F" w14:textId="0F4A4911" w:rsidR="0042408E" w:rsidRDefault="0042408E" w:rsidP="00DE77BD">
      <w:r>
        <w:t xml:space="preserve"> </w:t>
      </w:r>
    </w:p>
    <w:p w14:paraId="1DC0FE6A" w14:textId="77777777" w:rsidR="0042408E" w:rsidRDefault="0042408E" w:rsidP="00DE77BD"/>
    <w:sectPr w:rsidR="0042408E">
      <w:headerReference w:type="even" r:id="rId7"/>
      <w:headerReference w:type="default" r:id="rId8"/>
      <w:footerReference w:type="even" r:id="rId9"/>
      <w:footerReference w:type="default" r:id="rId10"/>
      <w:headerReference w:type="first" r:id="rId11"/>
      <w:footerReference w:type="first" r:id="rId12"/>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063D163" w14:textId="77777777" w:rsidR="00C37BB1" w:rsidRDefault="00C37BB1" w:rsidP="00C37BB1">
      <w:pPr>
        <w:spacing w:after="0" w:line="240" w:lineRule="auto"/>
      </w:pPr>
      <w:r>
        <w:separator/>
      </w:r>
    </w:p>
  </w:endnote>
  <w:endnote w:type="continuationSeparator" w:id="0">
    <w:p w14:paraId="4C466B39" w14:textId="77777777" w:rsidR="00C37BB1" w:rsidRDefault="00C37BB1" w:rsidP="00C37BB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E5E484" w14:textId="77777777" w:rsidR="00C37BB1" w:rsidRDefault="00C37BB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E23CDF" w14:textId="01E6F0C8" w:rsidR="00C37BB1" w:rsidRDefault="00C37BB1">
    <w:pPr>
      <w:pStyle w:val="Footer"/>
    </w:pPr>
  </w:p>
  <w:p w14:paraId="13AFE6C6" w14:textId="40EEB9D9" w:rsidR="00C37BB1" w:rsidRDefault="00751249" w:rsidP="00C37BB1">
    <w:pPr>
      <w:pStyle w:val="Footer"/>
    </w:pPr>
    <w:r>
      <w:fldChar w:fldCharType="begin"/>
    </w:r>
    <w:r>
      <w:instrText xml:space="preserve"> DOCPROPERTY iManageFooter \* MERGEFORMAT </w:instrText>
    </w:r>
    <w:r>
      <w:fldChar w:fldCharType="separate"/>
    </w:r>
    <w:r>
      <w:t>26235130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945E00" w14:textId="77777777" w:rsidR="00C37BB1" w:rsidRDefault="00C37BB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3DC50DB" w14:textId="77777777" w:rsidR="00C37BB1" w:rsidRDefault="00C37BB1" w:rsidP="00C37BB1">
      <w:pPr>
        <w:spacing w:after="0" w:line="240" w:lineRule="auto"/>
      </w:pPr>
      <w:r>
        <w:separator/>
      </w:r>
    </w:p>
  </w:footnote>
  <w:footnote w:type="continuationSeparator" w:id="0">
    <w:p w14:paraId="6EF01575" w14:textId="77777777" w:rsidR="00C37BB1" w:rsidRDefault="00C37BB1" w:rsidP="00C37BB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9A916D" w14:textId="77777777" w:rsidR="00C37BB1" w:rsidRDefault="00C37BB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CFC9B9" w14:textId="77777777" w:rsidR="00C37BB1" w:rsidRDefault="00C37BB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6E300" w14:textId="77777777" w:rsidR="00C37BB1" w:rsidRDefault="00C37BB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0066B7"/>
    <w:multiLevelType w:val="hybridMultilevel"/>
    <w:tmpl w:val="8F1837B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E77BD"/>
    <w:rsid w:val="001163AB"/>
    <w:rsid w:val="0042408E"/>
    <w:rsid w:val="00751249"/>
    <w:rsid w:val="007738E5"/>
    <w:rsid w:val="00A61492"/>
    <w:rsid w:val="00A83748"/>
    <w:rsid w:val="00AF6042"/>
    <w:rsid w:val="00C37BB1"/>
    <w:rsid w:val="00CB069D"/>
    <w:rsid w:val="00DE77BD"/>
    <w:rsid w:val="00E234D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A8698A0"/>
  <w15:chartTrackingRefBased/>
  <w15:docId w15:val="{8603A124-CA63-44DC-9220-0D5AE21078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E77BD"/>
    <w:pPr>
      <w:ind w:left="720"/>
      <w:contextualSpacing/>
    </w:pPr>
  </w:style>
  <w:style w:type="paragraph" w:styleId="Header">
    <w:name w:val="header"/>
    <w:basedOn w:val="Normal"/>
    <w:link w:val="HeaderChar"/>
    <w:uiPriority w:val="99"/>
    <w:unhideWhenUsed/>
    <w:rsid w:val="00C37BB1"/>
    <w:pPr>
      <w:tabs>
        <w:tab w:val="center" w:pos="4513"/>
        <w:tab w:val="right" w:pos="9026"/>
      </w:tabs>
      <w:spacing w:after="0" w:line="240" w:lineRule="auto"/>
    </w:pPr>
  </w:style>
  <w:style w:type="character" w:customStyle="1" w:styleId="HeaderChar">
    <w:name w:val="Header Char"/>
    <w:basedOn w:val="DefaultParagraphFont"/>
    <w:link w:val="Header"/>
    <w:uiPriority w:val="99"/>
    <w:rsid w:val="00C37BB1"/>
  </w:style>
  <w:style w:type="paragraph" w:styleId="Footer">
    <w:name w:val="footer"/>
    <w:basedOn w:val="Normal"/>
    <w:link w:val="FooterChar"/>
    <w:uiPriority w:val="99"/>
    <w:unhideWhenUsed/>
    <w:rsid w:val="00C37BB1"/>
    <w:pPr>
      <w:tabs>
        <w:tab w:val="center" w:pos="4513"/>
        <w:tab w:val="right" w:pos="9026"/>
      </w:tabs>
      <w:spacing w:after="0" w:line="240" w:lineRule="auto"/>
    </w:pPr>
  </w:style>
  <w:style w:type="character" w:customStyle="1" w:styleId="FooterChar">
    <w:name w:val="Footer Char"/>
    <w:basedOn w:val="DefaultParagraphFont"/>
    <w:link w:val="Footer"/>
    <w:uiPriority w:val="99"/>
    <w:rsid w:val="00C37BB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A C T I V E ! 2 6 2 3 5 1 3 0 . 1 < / d o c u m e n t i d >  
     < s e n d e r i d > R I C H A R D S O N S < / s e n d e r i d >  
     < s e n d e r e m a i l > S A R A H . R I C H A R D S O N @ R U S S E L L - C O O K E . C O . U K < / s e n d e r e m a i l >  
     < l a s t m o d i f i e d > 2 0 2 5 - 0 6 - 1 7 T 1 4 : 3 5 : 0 0 . 0 0 0 0 0 0 0 + 0 1 : 0 0 < / l a s t m o d i f i e d >  
     < d a t a b a s e > A C T I V E < / d a t a b a s e >  
 < / p r o p e r t i e s > 
</file>

<file path=docProps/app.xml><?xml version="1.0" encoding="utf-8"?>
<Properties xmlns="http://schemas.openxmlformats.org/officeDocument/2006/extended-properties" xmlns:vt="http://schemas.openxmlformats.org/officeDocument/2006/docPropsVTypes">
  <Template>Normal.dotm</Template>
  <TotalTime>33</TotalTime>
  <Pages>2</Pages>
  <Words>329</Words>
  <Characters>1878</Characters>
  <Application>Microsoft Office Word</Application>
  <DocSecurity>0</DocSecurity>
  <Lines>15</Lines>
  <Paragraphs>4</Paragraphs>
  <ScaleCrop>false</ScaleCrop>
  <HeadingPairs>
    <vt:vector size="2" baseType="variant">
      <vt:variant>
        <vt:lpstr>Title</vt:lpstr>
      </vt:variant>
      <vt:variant>
        <vt:i4>1</vt:i4>
      </vt:variant>
    </vt:vector>
  </HeadingPairs>
  <TitlesOfParts>
    <vt:vector size="1" baseType="lpstr">
      <vt:lpstr/>
    </vt:vector>
  </TitlesOfParts>
  <Company>Russell-Cooke</Company>
  <LinksUpToDate>false</LinksUpToDate>
  <CharactersWithSpaces>22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arah Richardson</dc:creator>
  <cp:keywords/>
  <dc:description/>
  <cp:lastModifiedBy>Sarah Richardson</cp:lastModifiedBy>
  <cp:revision>5</cp:revision>
  <dcterms:created xsi:type="dcterms:W3CDTF">2025-05-19T10:06:00Z</dcterms:created>
  <dcterms:modified xsi:type="dcterms:W3CDTF">2025-06-17T13: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6235130v1</vt:lpwstr>
  </property>
</Properties>
</file>